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20863879" w14:textId="77777777" w:rsidR="00E51D48" w:rsidRDefault="004948F3">
      <w:pPr>
        <w:rPr>
          <w:lang w:val="en-GB"/>
        </w:rPr>
      </w:pPr>
      <w:r>
        <w:rPr>
          <w:lang w:val="en-GB"/>
        </w:rPr>
        <w:t>Scope the Question:</w:t>
      </w:r>
    </w:p>
    <w:p w14:paraId="5831433C" w14:textId="77777777" w:rsidR="004948F3" w:rsidRDefault="004948F3">
      <w:pPr>
        <w:rPr>
          <w:lang w:val="en-GB"/>
        </w:rPr>
      </w:pPr>
      <w:r>
        <w:rPr>
          <w:noProof/>
        </w:rPr>
        <w:drawing>
          <wp:inline distT="0" distB="0" distL="0" distR="0" wp14:anchorId="34CC1509" wp14:editId="144FB923">
            <wp:extent cx="5731510" cy="2746375"/>
            <wp:effectExtent l="0" t="0" r="254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7463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4ED475C" w14:textId="77777777" w:rsidR="004643C8" w:rsidRDefault="004643C8">
      <w:pPr>
        <w:rPr>
          <w:lang w:val="en-GB"/>
        </w:rPr>
      </w:pPr>
    </w:p>
    <w:p w14:paraId="4DD78A35" w14:textId="77777777" w:rsidR="004643C8" w:rsidRDefault="004643C8">
      <w:pPr>
        <w:rPr>
          <w:lang w:val="en-GB"/>
        </w:rPr>
      </w:pPr>
      <w:r>
        <w:rPr>
          <w:lang w:val="en-GB"/>
        </w:rPr>
        <w:t>Confirmation Notification now visible in Form Template Selection:</w:t>
      </w:r>
    </w:p>
    <w:p w14:paraId="60DE01C5" w14:textId="77777777" w:rsidR="004643C8" w:rsidRDefault="004643C8">
      <w:pPr>
        <w:rPr>
          <w:lang w:val="en-GB"/>
        </w:rPr>
      </w:pPr>
      <w:r>
        <w:rPr>
          <w:noProof/>
        </w:rPr>
        <w:drawing>
          <wp:inline distT="0" distB="0" distL="0" distR="0" wp14:anchorId="517E3666" wp14:editId="71F9DA37">
            <wp:extent cx="5731510" cy="1666842"/>
            <wp:effectExtent l="0" t="0" r="2540" b="0"/>
            <wp:docPr id="2" name="Picture 2" descr="C:\Users\i332731\AppData\Local\Temp\SNAGHTML1f83a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731\AppData\Local\Temp\SNAGHTML1f83a0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16668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FF6DFB2" w14:textId="77777777" w:rsidR="004643C8" w:rsidRDefault="004643C8">
      <w:pPr>
        <w:rPr>
          <w:lang w:val="en-GB"/>
        </w:rPr>
      </w:pPr>
      <w:r>
        <w:rPr>
          <w:lang w:val="en-GB"/>
        </w:rPr>
        <w:t>Now you check and publish the Confirmation Template of your choice</w:t>
      </w:r>
      <w:bookmarkStart w:id="0" w:name="_GoBack"/>
      <w:bookmarkEnd w:id="0"/>
      <w:r w:rsidRPr="007D352B">
        <w:rPr>
          <w:lang w:val="en-GB"/>
        </w:rPr>
        <w:t xml:space="preserve"> as per your requirement.</w:t>
      </w:r>
      <w:r>
        <w:rPr>
          <w:lang w:val="en-GB"/>
        </w:rPr>
        <w:t>:</w:t>
      </w:r>
    </w:p>
    <w:p w14:paraId="7CF0968A" w14:textId="77777777" w:rsidR="004643C8" w:rsidRPr="004948F3" w:rsidRDefault="004643C8">
      <w:pPr>
        <w:rPr>
          <w:lang w:val="en-GB"/>
        </w:rPr>
      </w:pPr>
      <w:r>
        <w:rPr>
          <w:noProof/>
        </w:rPr>
        <w:drawing>
          <wp:inline distT="0" distB="0" distL="0" distR="0" wp14:anchorId="19357727" wp14:editId="3328E0B8">
            <wp:extent cx="5731510" cy="2652395"/>
            <wp:effectExtent l="0" t="0" r="2540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652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sectPr w:rsidR="004643C8" w:rsidRPr="004948F3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6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948F3"/>
    <w:rsid w:val="004643C8"/>
    <w:rsid w:val="004948F3"/>
    <w:rsid w:val="006C3E4B"/>
    <w:rsid w:val="00973CF9"/>
    <w:rsid w:val="00E51D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C22B442"/>
  <w15:chartTrackingRefBased/>
  <w15:docId w15:val="{777F082C-5E3B-423B-A891-A2A459A9552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Pr>
      <w:lang w:val="de-D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5" Type="http://schemas.openxmlformats.org/officeDocument/2006/relationships/image" Target="media/image2.png"/><Relationship Id="rId4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1</TotalTime>
  <Pages>1</Pages>
  <Words>27</Words>
  <Characters>159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8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iyenuro, Emopin</dc:creator>
  <cp:keywords/>
  <dc:description/>
  <cp:lastModifiedBy>Aiyenuro, Emopin</cp:lastModifiedBy>
  <cp:revision>1</cp:revision>
  <dcterms:created xsi:type="dcterms:W3CDTF">2018-10-02T13:19:00Z</dcterms:created>
  <dcterms:modified xsi:type="dcterms:W3CDTF">2018-10-02T14:20:00Z</dcterms:modified>
</cp:coreProperties>
</file>